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378502A" w14:textId="77777777" w:rsidR="001D6612" w:rsidRDefault="001D6612" w:rsidP="001D6612">
      <w:r>
        <w:t>(</w:t>
      </w:r>
      <w:proofErr w:type="spellStart"/>
      <w:r>
        <w:t>feastore</w:t>
      </w:r>
      <w:proofErr w:type="spellEnd"/>
      <w:r>
        <w:t>) C:\Users\s1296718\OneDrive - Syngenta\Desktop\Feature store\</w:t>
      </w:r>
      <w:proofErr w:type="spellStart"/>
      <w:r>
        <w:t>NYC_Trip</w:t>
      </w:r>
      <w:proofErr w:type="spellEnd"/>
      <w:r>
        <w:t>&gt;pip freeze</w:t>
      </w:r>
    </w:p>
    <w:p w14:paraId="39A80BD0" w14:textId="77777777" w:rsidR="001D6612" w:rsidRDefault="001D6612" w:rsidP="001D6612">
      <w:proofErr w:type="spellStart"/>
      <w:r>
        <w:t>absl-py</w:t>
      </w:r>
      <w:proofErr w:type="spellEnd"/>
      <w:r>
        <w:t xml:space="preserve"> @ file:///C:/b/abs_d3cv5rzljl/croot/absl-py_1686852506854/work</w:t>
      </w:r>
    </w:p>
    <w:p w14:paraId="7ED9F902" w14:textId="77777777" w:rsidR="001D6612" w:rsidRDefault="001D6612" w:rsidP="001D6612">
      <w:proofErr w:type="spellStart"/>
      <w:r>
        <w:t>aiobotocore</w:t>
      </w:r>
      <w:proofErr w:type="spellEnd"/>
      <w:r>
        <w:t xml:space="preserve"> @ file:///C:/b/abs_3cwz1w13nn/croot/aiobotocore_1701291550158/work</w:t>
      </w:r>
    </w:p>
    <w:p w14:paraId="0B32C8C0" w14:textId="77777777" w:rsidR="001D6612" w:rsidRDefault="001D6612" w:rsidP="001D6612">
      <w:proofErr w:type="spellStart"/>
      <w:r>
        <w:t>aiohttp</w:t>
      </w:r>
      <w:proofErr w:type="spellEnd"/>
      <w:r>
        <w:t xml:space="preserve"> @ file:///C:/b/abs_8860tt1424/croot/aiohttp_1715108828392/work        </w:t>
      </w:r>
    </w:p>
    <w:p w14:paraId="364C2D84" w14:textId="77777777" w:rsidR="001D6612" w:rsidRDefault="001D6612" w:rsidP="001D6612">
      <w:proofErr w:type="spellStart"/>
      <w:r>
        <w:t>aioitertools</w:t>
      </w:r>
      <w:proofErr w:type="spellEnd"/>
      <w:r>
        <w:t xml:space="preserve"> @ file:///tmp/build/80754af9/aioitertools_1607109665762/work     </w:t>
      </w:r>
    </w:p>
    <w:p w14:paraId="237AEA89" w14:textId="77777777" w:rsidR="001D6612" w:rsidRDefault="001D6612" w:rsidP="001D6612">
      <w:proofErr w:type="spellStart"/>
      <w:r>
        <w:t>aiosignal</w:t>
      </w:r>
      <w:proofErr w:type="spellEnd"/>
      <w:r>
        <w:t xml:space="preserve"> @ file:///tmp/build/80754af9/aiosignal_1637843061372/work</w:t>
      </w:r>
    </w:p>
    <w:p w14:paraId="3D844B7B" w14:textId="77777777" w:rsidR="001D6612" w:rsidRDefault="001D6612" w:rsidP="001D6612">
      <w:proofErr w:type="gramStart"/>
      <w:r>
        <w:t>annotated-types</w:t>
      </w:r>
      <w:proofErr w:type="gramEnd"/>
      <w:r>
        <w:t>==0.7.0</w:t>
      </w:r>
    </w:p>
    <w:p w14:paraId="175092FD" w14:textId="77777777" w:rsidR="001D6612" w:rsidRDefault="001D6612" w:rsidP="001D6612">
      <w:proofErr w:type="spellStart"/>
      <w:r>
        <w:t>anyio</w:t>
      </w:r>
      <w:proofErr w:type="spellEnd"/>
      <w:r>
        <w:t xml:space="preserve"> @ file:///C:/ci/anyio_1644481856696/work/dist</w:t>
      </w:r>
    </w:p>
    <w:p w14:paraId="0923BD91" w14:textId="77777777" w:rsidR="001D6612" w:rsidRDefault="001D6612" w:rsidP="001D6612">
      <w:r>
        <w:t xml:space="preserve">argon2-cffi @ file:///opt/conda/conda-bld/argon2-cffi_1645000214183/work      </w:t>
      </w:r>
    </w:p>
    <w:p w14:paraId="3B2C2C5B" w14:textId="77777777" w:rsidR="001D6612" w:rsidRDefault="001D6612" w:rsidP="001D6612">
      <w:r>
        <w:t xml:space="preserve">argon2-cffi-bindings @ file:///C:/ci/argon2-cffi-bindings_1644569876605/work  </w:t>
      </w:r>
    </w:p>
    <w:p w14:paraId="28AE803E" w14:textId="77777777" w:rsidR="001D6612" w:rsidRDefault="001D6612" w:rsidP="001D6612">
      <w:r>
        <w:t>arrow==1.3.0</w:t>
      </w:r>
    </w:p>
    <w:p w14:paraId="497A948D" w14:textId="77777777" w:rsidR="001D6612" w:rsidRDefault="001D6612" w:rsidP="001D6612">
      <w:r>
        <w:t>asn1crypto @ file:///C:/ci/asn1crypto_1652344265122/work</w:t>
      </w:r>
    </w:p>
    <w:p w14:paraId="7EA1D0BE" w14:textId="77777777" w:rsidR="001D6612" w:rsidRDefault="001D6612" w:rsidP="001D6612">
      <w:proofErr w:type="spellStart"/>
      <w:r>
        <w:t>asttokens</w:t>
      </w:r>
      <w:proofErr w:type="spellEnd"/>
      <w:r>
        <w:t xml:space="preserve"> @ file:///opt/conda/conda-bld/asttokens_1646925590279/work</w:t>
      </w:r>
    </w:p>
    <w:p w14:paraId="20D1FBF7" w14:textId="77777777" w:rsidR="001D6612" w:rsidRDefault="001D6612" w:rsidP="001D6612">
      <w:r>
        <w:t>async-</w:t>
      </w:r>
      <w:proofErr w:type="spellStart"/>
      <w:r>
        <w:t>lru</w:t>
      </w:r>
      <w:proofErr w:type="spellEnd"/>
      <w:r>
        <w:t xml:space="preserve"> @ file:///C:/b/abs_e0hjkvwwb5/croot/async-lru_1699554572212/work</w:t>
      </w:r>
    </w:p>
    <w:p w14:paraId="32BBFEC9" w14:textId="77777777" w:rsidR="001D6612" w:rsidRDefault="001D6612" w:rsidP="001D6612">
      <w:r>
        <w:t>async-timeout @ file:///C:/b/abs_c8fgiuixkq/croot/async-timeout_1703097556097/work</w:t>
      </w:r>
    </w:p>
    <w:p w14:paraId="712A2681" w14:textId="77777777" w:rsidR="001D6612" w:rsidRDefault="001D6612" w:rsidP="001D6612">
      <w:proofErr w:type="spellStart"/>
      <w:r>
        <w:t>atpublic</w:t>
      </w:r>
      <w:proofErr w:type="spellEnd"/>
      <w:r>
        <w:t>==5.0</w:t>
      </w:r>
    </w:p>
    <w:p w14:paraId="7914199F" w14:textId="77777777" w:rsidR="001D6612" w:rsidRDefault="001D6612" w:rsidP="001D6612">
      <w:proofErr w:type="spellStart"/>
      <w:r>
        <w:t>attrs</w:t>
      </w:r>
      <w:proofErr w:type="spellEnd"/>
      <w:r>
        <w:t xml:space="preserve"> @ file:///C:/b/abs_35n0jusce8/croot/attrs_1695717880170/work</w:t>
      </w:r>
    </w:p>
    <w:p w14:paraId="1327E538" w14:textId="77777777" w:rsidR="001D6612" w:rsidRDefault="001D6612" w:rsidP="001D6612">
      <w:r>
        <w:t>Babel @ file:///C:/b/abs_a2shv_3tqi/croot/babel_1671782804377/work</w:t>
      </w:r>
    </w:p>
    <w:p w14:paraId="7C9163F1" w14:textId="77777777" w:rsidR="001D6612" w:rsidRDefault="001D6612" w:rsidP="001D6612">
      <w:r>
        <w:t>beautifulsoup4 @ file:///C:/b/abs_d5wytg_p0w/croot/beautifulsoup4-split_1718029833749/work</w:t>
      </w:r>
    </w:p>
    <w:p w14:paraId="70B40324" w14:textId="77777777" w:rsidR="001D6612" w:rsidRDefault="001D6612" w:rsidP="001D6612">
      <w:r>
        <w:t xml:space="preserve">bleach @ </w:t>
      </w:r>
      <w:proofErr w:type="gramStart"/>
      <w:r>
        <w:t>file:///opt/conda/conda-bld/bleach_1641577558959/work</w:t>
      </w:r>
      <w:proofErr w:type="gramEnd"/>
    </w:p>
    <w:p w14:paraId="44E9802D" w14:textId="77777777" w:rsidR="001D6612" w:rsidRDefault="001D6612" w:rsidP="001D6612">
      <w:proofErr w:type="spellStart"/>
      <w:r>
        <w:t>botocore</w:t>
      </w:r>
      <w:proofErr w:type="spellEnd"/>
      <w:r>
        <w:t xml:space="preserve"> @ file:///C:/b/abs_5a285dtc94/croot/botocore_1701286504141/work</w:t>
      </w:r>
    </w:p>
    <w:p w14:paraId="4CE7212D" w14:textId="77777777" w:rsidR="001D6612" w:rsidRDefault="001D6612" w:rsidP="001D6612">
      <w:r>
        <w:t xml:space="preserve">Bottleneck @ </w:t>
      </w:r>
      <w:proofErr w:type="gramStart"/>
      <w:r>
        <w:t>file:///C:/b/abs_f05kqh7yvj/croot/bottleneck_1707864273291/work</w:t>
      </w:r>
      <w:proofErr w:type="gramEnd"/>
    </w:p>
    <w:p w14:paraId="59F0AB97" w14:textId="77777777" w:rsidR="001D6612" w:rsidRDefault="001D6612" w:rsidP="001D6612">
      <w:proofErr w:type="spellStart"/>
      <w:r>
        <w:t>Brotli</w:t>
      </w:r>
      <w:proofErr w:type="spellEnd"/>
      <w:r>
        <w:t xml:space="preserve"> @ file:///C:/b/abs_3d36mno480/croot/brotli-split_1714483178642/work</w:t>
      </w:r>
    </w:p>
    <w:p w14:paraId="00F39D72" w14:textId="77777777" w:rsidR="001D6612" w:rsidRDefault="001D6612" w:rsidP="001D6612">
      <w:proofErr w:type="spellStart"/>
      <w:r>
        <w:t>cachetools</w:t>
      </w:r>
      <w:proofErr w:type="spellEnd"/>
      <w:r>
        <w:t xml:space="preserve"> @ file:///C:/b/abs_792zbtc0ua/croot/cachetools_1713977157919/work</w:t>
      </w:r>
    </w:p>
    <w:p w14:paraId="1CEBCCDF" w14:textId="77777777" w:rsidR="001D6612" w:rsidRDefault="001D6612" w:rsidP="001D6612">
      <w:proofErr w:type="spellStart"/>
      <w:r>
        <w:t>certifi</w:t>
      </w:r>
      <w:proofErr w:type="spellEnd"/>
      <w:r>
        <w:t xml:space="preserve"> @ file:///C:/b/abs_7bbxxprxir/croot/certifi_1720453609121/work/certifi</w:t>
      </w:r>
    </w:p>
    <w:p w14:paraId="1D1F522B" w14:textId="77777777" w:rsidR="001D6612" w:rsidRDefault="001D6612" w:rsidP="001D6612">
      <w:proofErr w:type="spellStart"/>
      <w:r>
        <w:t>cffi</w:t>
      </w:r>
      <w:proofErr w:type="spellEnd"/>
      <w:r>
        <w:t xml:space="preserve"> @ file:///C:/b/abs_78eb1_vq6z/croot/cffi_1714483206096/work</w:t>
      </w:r>
    </w:p>
    <w:p w14:paraId="55A001B7" w14:textId="77777777" w:rsidR="001D6612" w:rsidRDefault="001D6612" w:rsidP="001D6612">
      <w:r>
        <w:t>charset-normalizer @ file:///croot/charset-normalizer_1721748349566/work</w:t>
      </w:r>
    </w:p>
    <w:p w14:paraId="766EB39D" w14:textId="77777777" w:rsidR="001D6612" w:rsidRDefault="001D6612" w:rsidP="001D6612">
      <w:proofErr w:type="spellStart"/>
      <w:r>
        <w:t>cloudpickle</w:t>
      </w:r>
      <w:proofErr w:type="spellEnd"/>
      <w:r>
        <w:t xml:space="preserve"> @ file:///C:/b/abs_3796yxesic/croot/cloudpickle_1683040098851/work</w:t>
      </w:r>
    </w:p>
    <w:p w14:paraId="0FED8660" w14:textId="77777777" w:rsidR="001D6612" w:rsidRDefault="001D6612" w:rsidP="001D6612">
      <w:proofErr w:type="spellStart"/>
      <w:r>
        <w:t>colorama</w:t>
      </w:r>
      <w:proofErr w:type="spellEnd"/>
      <w:r>
        <w:t xml:space="preserve"> @ file:///C:/b/abs_a9ozq0l032/croot/colorama_1672387194846/work</w:t>
      </w:r>
    </w:p>
    <w:p w14:paraId="2648B990" w14:textId="77777777" w:rsidR="001D6612" w:rsidRDefault="001D6612" w:rsidP="001D6612">
      <w:r>
        <w:lastRenderedPageBreak/>
        <w:t>comm @ file:///C:/b/abs_67a8058udb/croot/comm_1709322909844/work</w:t>
      </w:r>
    </w:p>
    <w:p w14:paraId="4F0394FD" w14:textId="77777777" w:rsidR="001D6612" w:rsidRDefault="001D6612" w:rsidP="001D6612">
      <w:r>
        <w:t>cryptography @ file:///C:/b/abs_97lgskwerx/croot/cryptography_1714664736250/work</w:t>
      </w:r>
    </w:p>
    <w:p w14:paraId="57779948" w14:textId="77777777" w:rsidR="001D6612" w:rsidRDefault="001D6612" w:rsidP="001D6612">
      <w:proofErr w:type="spellStart"/>
      <w:r>
        <w:t>debugpy</w:t>
      </w:r>
      <w:proofErr w:type="spellEnd"/>
      <w:r>
        <w:t xml:space="preserve"> @ file:///C:/b/abs_c0y1fjipt2/croot/debugpy_1690906864587/work</w:t>
      </w:r>
    </w:p>
    <w:p w14:paraId="22404429" w14:textId="77777777" w:rsidR="001D6612" w:rsidRDefault="001D6612" w:rsidP="001D6612">
      <w:r>
        <w:t>decorator @ file:///opt/conda/conda-bld/decorator_1643638310831/work</w:t>
      </w:r>
    </w:p>
    <w:p w14:paraId="1683AD0B" w14:textId="77777777" w:rsidR="001D6612" w:rsidRDefault="001D6612" w:rsidP="001D6612">
      <w:proofErr w:type="spellStart"/>
      <w:r>
        <w:t>defusedxml</w:t>
      </w:r>
      <w:proofErr w:type="spellEnd"/>
      <w:r>
        <w:t xml:space="preserve"> @ file:///tmp/build/80754af9/defusedxml_1615228127516/work</w:t>
      </w:r>
    </w:p>
    <w:p w14:paraId="549231CC" w14:textId="77777777" w:rsidR="001D6612" w:rsidRDefault="001D6612" w:rsidP="001D6612">
      <w:proofErr w:type="spellStart"/>
      <w:r>
        <w:t>exceptiongroup</w:t>
      </w:r>
      <w:proofErr w:type="spellEnd"/>
      <w:r>
        <w:t xml:space="preserve"> @ file:///C:/b/abs_c5h1o1_b5b/croot/exceptiongroup_1706031441653/work</w:t>
      </w:r>
    </w:p>
    <w:p w14:paraId="078D3ECC" w14:textId="77777777" w:rsidR="001D6612" w:rsidRDefault="001D6612" w:rsidP="001D6612">
      <w:r>
        <w:t>executing @ file:///opt/conda/conda-bld/executing_1646925071911/work</w:t>
      </w:r>
    </w:p>
    <w:p w14:paraId="50AEC9DC" w14:textId="77777777" w:rsidR="001D6612" w:rsidRDefault="001D6612" w:rsidP="001D6612">
      <w:proofErr w:type="spellStart"/>
      <w:r>
        <w:t>fastjsonschema</w:t>
      </w:r>
      <w:proofErr w:type="spellEnd"/>
      <w:r>
        <w:t xml:space="preserve"> @ file:///C:/Users/BUILDE~1/AppData/Local/Temp/abs_ebruxzvd08/croots/recipe/python-fastjsonschema_1661376484940/work</w:t>
      </w:r>
    </w:p>
    <w:p w14:paraId="5C82EE23" w14:textId="77777777" w:rsidR="001D6612" w:rsidRDefault="001D6612" w:rsidP="001D6612">
      <w:proofErr w:type="spellStart"/>
      <w:r>
        <w:t>filelock</w:t>
      </w:r>
      <w:proofErr w:type="spellEnd"/>
      <w:r>
        <w:t xml:space="preserve"> @ file:///C:/b/abs_f2gie28u58/croot/filelock_1700591233643/work</w:t>
      </w:r>
    </w:p>
    <w:p w14:paraId="25F6A02A" w14:textId="77777777" w:rsidR="001D6612" w:rsidRDefault="001D6612" w:rsidP="001D6612">
      <w:proofErr w:type="spellStart"/>
      <w:r>
        <w:t>fqdn</w:t>
      </w:r>
      <w:proofErr w:type="spellEnd"/>
      <w:r>
        <w:t>==1.5.1</w:t>
      </w:r>
    </w:p>
    <w:p w14:paraId="016B30DF" w14:textId="77777777" w:rsidR="001D6612" w:rsidRDefault="001D6612" w:rsidP="001D6612">
      <w:proofErr w:type="spellStart"/>
      <w:r>
        <w:t>frozenlist</w:t>
      </w:r>
      <w:proofErr w:type="spellEnd"/>
      <w:r>
        <w:t xml:space="preserve"> @ file:///C:/b/abs_d8e__s1ys3/croot/frozenlist_1698702612014/work</w:t>
      </w:r>
    </w:p>
    <w:p w14:paraId="083E84AD" w14:textId="77777777" w:rsidR="001D6612" w:rsidRDefault="001D6612" w:rsidP="001D6612">
      <w:proofErr w:type="spellStart"/>
      <w:r>
        <w:t>fsspec</w:t>
      </w:r>
      <w:proofErr w:type="spellEnd"/>
      <w:r>
        <w:t xml:space="preserve"> @ file:///C:/b/abs_97mpfsesn0/croot/fsspec_1701286534629/work</w:t>
      </w:r>
    </w:p>
    <w:p w14:paraId="61749406" w14:textId="77777777" w:rsidR="001D6612" w:rsidRDefault="001D6612" w:rsidP="001D6612">
      <w:proofErr w:type="spellStart"/>
      <w:r>
        <w:t>idna</w:t>
      </w:r>
      <w:proofErr w:type="spellEnd"/>
      <w:r>
        <w:t xml:space="preserve"> @ file:///C:/b/abs_aad84bnnw5/croot/idna_1714398896795/work</w:t>
      </w:r>
    </w:p>
    <w:p w14:paraId="505F91D8" w14:textId="77777777" w:rsidR="001D6612" w:rsidRDefault="001D6612" w:rsidP="001D6612">
      <w:proofErr w:type="spellStart"/>
      <w:r>
        <w:t>importlib_resources</w:t>
      </w:r>
      <w:proofErr w:type="spellEnd"/>
      <w:r>
        <w:t xml:space="preserve"> @ file:///C:/b/abs_e9f8_0_2dq/croot/importlib_resources-suite_1720641112288/work</w:t>
      </w:r>
    </w:p>
    <w:p w14:paraId="7D6ADD96" w14:textId="77777777" w:rsidR="001D6612" w:rsidRDefault="001D6612" w:rsidP="001D6612">
      <w:proofErr w:type="spellStart"/>
      <w:r>
        <w:t>ipykernel</w:t>
      </w:r>
      <w:proofErr w:type="spellEnd"/>
      <w:r>
        <w:t xml:space="preserve"> @ file:///C:/b/abs_c2u94kxcy6/croot/ipykernel_1705933907920/work</w:t>
      </w:r>
    </w:p>
    <w:p w14:paraId="07C3C6B2" w14:textId="77777777" w:rsidR="001D6612" w:rsidRDefault="001D6612" w:rsidP="001D6612">
      <w:proofErr w:type="spellStart"/>
      <w:r>
        <w:t>ipython</w:t>
      </w:r>
      <w:proofErr w:type="spellEnd"/>
      <w:r>
        <w:t xml:space="preserve"> @ file:///C:/b/abs_7dmlwmkafn/croot/ipython_1718287997280/work</w:t>
      </w:r>
    </w:p>
    <w:p w14:paraId="7CAA503C" w14:textId="77777777" w:rsidR="001D6612" w:rsidRDefault="001D6612" w:rsidP="001D6612">
      <w:proofErr w:type="spellStart"/>
      <w:r>
        <w:t>isoduration</w:t>
      </w:r>
      <w:proofErr w:type="spellEnd"/>
      <w:r>
        <w:t>==20.11.0</w:t>
      </w:r>
    </w:p>
    <w:p w14:paraId="2CD50921" w14:textId="77777777" w:rsidR="001D6612" w:rsidRDefault="001D6612" w:rsidP="001D6612">
      <w:r>
        <w:t>jedi @ file:///C:/b/abs_1b8kmj7rrm/croot/jedi_1721058359741/work</w:t>
      </w:r>
    </w:p>
    <w:p w14:paraId="03CC103B" w14:textId="77777777" w:rsidR="001D6612" w:rsidRDefault="001D6612" w:rsidP="001D6612">
      <w:r>
        <w:t>Jinja2 @ file:///C:/b/abs_92fccttino/croot/jinja2_1716993447201/work</w:t>
      </w:r>
    </w:p>
    <w:p w14:paraId="469767B9" w14:textId="77777777" w:rsidR="001D6612" w:rsidRDefault="001D6612" w:rsidP="001D6612">
      <w:proofErr w:type="spellStart"/>
      <w:r>
        <w:t>jmespath</w:t>
      </w:r>
      <w:proofErr w:type="spellEnd"/>
      <w:r>
        <w:t xml:space="preserve"> @ file:///C:/b/abs_59jpuaows7/croot/jmespath_1700144635019/work</w:t>
      </w:r>
    </w:p>
    <w:p w14:paraId="3972F834" w14:textId="77777777" w:rsidR="001D6612" w:rsidRDefault="001D6612" w:rsidP="001D6612">
      <w:proofErr w:type="spellStart"/>
      <w:r>
        <w:t>joblib</w:t>
      </w:r>
      <w:proofErr w:type="spellEnd"/>
      <w:r>
        <w:t xml:space="preserve"> @ file:///C:/b/abs_f4b98l6lgk/croot/joblib_1718217224240/work</w:t>
      </w:r>
    </w:p>
    <w:p w14:paraId="0AA8AE1F" w14:textId="77777777" w:rsidR="001D6612" w:rsidRDefault="001D6612" w:rsidP="001D6612">
      <w:r>
        <w:t>json5 @ file:///tmp/build/80754af9/json5_1624432770122/work</w:t>
      </w:r>
    </w:p>
    <w:p w14:paraId="042C9CD4" w14:textId="77777777" w:rsidR="001D6612" w:rsidRDefault="001D6612" w:rsidP="001D6612">
      <w:proofErr w:type="spellStart"/>
      <w:r>
        <w:t>jsonpointer</w:t>
      </w:r>
      <w:proofErr w:type="spellEnd"/>
      <w:r>
        <w:t>==3.0.0</w:t>
      </w:r>
    </w:p>
    <w:p w14:paraId="3E892205" w14:textId="77777777" w:rsidR="001D6612" w:rsidRDefault="001D6612" w:rsidP="001D6612">
      <w:proofErr w:type="spellStart"/>
      <w:r>
        <w:t>jsonschema</w:t>
      </w:r>
      <w:proofErr w:type="spellEnd"/>
      <w:r>
        <w:t xml:space="preserve"> @ file:///C:/b/abs_d1c4sm8drk/croot/jsonschema_1699041668863/work</w:t>
      </w:r>
    </w:p>
    <w:p w14:paraId="2DEAEBB7" w14:textId="77777777" w:rsidR="001D6612" w:rsidRDefault="001D6612" w:rsidP="001D6612">
      <w:proofErr w:type="spellStart"/>
      <w:r>
        <w:t>jsonschema</w:t>
      </w:r>
      <w:proofErr w:type="spellEnd"/>
      <w:r>
        <w:t>-specifications @ file:///C:/b/abs_0brvm6vryw/croot/jsonschema-specifications_1699032417323/work</w:t>
      </w:r>
    </w:p>
    <w:p w14:paraId="2861936A" w14:textId="77777777" w:rsidR="001D6612" w:rsidRDefault="001D6612" w:rsidP="001D6612">
      <w:proofErr w:type="spellStart"/>
      <w:r>
        <w:t>jupyter</w:t>
      </w:r>
      <w:proofErr w:type="spellEnd"/>
      <w:r>
        <w:t>-events @ file:///C:/b/abs_c2m9s5b5m5/croot/jupyter_events_1718738115254/work</w:t>
      </w:r>
    </w:p>
    <w:p w14:paraId="42610B5F" w14:textId="77777777" w:rsidR="001D6612" w:rsidRDefault="001D6612" w:rsidP="001D6612">
      <w:proofErr w:type="spellStart"/>
      <w:r>
        <w:lastRenderedPageBreak/>
        <w:t>jupyter-lsp</w:t>
      </w:r>
      <w:proofErr w:type="spellEnd"/>
      <w:r>
        <w:t xml:space="preserve"> @ file:///C:/b/abs_ecle3em9d4/croot/jupyter-lsp-meta_1699978291372/work</w:t>
      </w:r>
    </w:p>
    <w:p w14:paraId="1FFE0864" w14:textId="77777777" w:rsidR="001D6612" w:rsidRDefault="001D6612" w:rsidP="001D6612">
      <w:proofErr w:type="spellStart"/>
      <w:r>
        <w:t>jupyter_client</w:t>
      </w:r>
      <w:proofErr w:type="spellEnd"/>
      <w:r>
        <w:t xml:space="preserve"> @ file:///C:/b/abs_a6h3c8hfdq/croot/jupyter_client_1699455939372/work</w:t>
      </w:r>
    </w:p>
    <w:p w14:paraId="6F94A5BD" w14:textId="77777777" w:rsidR="001D6612" w:rsidRDefault="001D6612" w:rsidP="001D6612">
      <w:proofErr w:type="spellStart"/>
      <w:r>
        <w:t>jupyter_core</w:t>
      </w:r>
      <w:proofErr w:type="spellEnd"/>
      <w:r>
        <w:t xml:space="preserve"> @ file:///C:/b/abs_beftpbuevw/croot/jupyter_core_1718818307097/work</w:t>
      </w:r>
    </w:p>
    <w:p w14:paraId="34A73374" w14:textId="77777777" w:rsidR="001D6612" w:rsidRDefault="001D6612" w:rsidP="001D6612">
      <w:proofErr w:type="spellStart"/>
      <w:r>
        <w:t>jupyter_server</w:t>
      </w:r>
      <w:proofErr w:type="spellEnd"/>
      <w:r>
        <w:t xml:space="preserve"> @ file:///C:/b/abs_9a333nh6yu/croot/jupyter_server_1718827092223/work</w:t>
      </w:r>
    </w:p>
    <w:p w14:paraId="0D6DC348" w14:textId="77777777" w:rsidR="001D6612" w:rsidRDefault="001D6612" w:rsidP="001D6612">
      <w:proofErr w:type="spellStart"/>
      <w:r>
        <w:t>jupyter_server_terminals</w:t>
      </w:r>
      <w:proofErr w:type="spellEnd"/>
      <w:r>
        <w:t xml:space="preserve"> @ file:///C:/b/abs_ec0dq4b50j/croot/jupyter_server_terminals_1686870763512/work</w:t>
      </w:r>
    </w:p>
    <w:p w14:paraId="46E96857" w14:textId="77777777" w:rsidR="001D6612" w:rsidRDefault="001D6612" w:rsidP="001D6612">
      <w:proofErr w:type="spellStart"/>
      <w:r>
        <w:t>jupyterlab</w:t>
      </w:r>
      <w:proofErr w:type="spellEnd"/>
      <w:r>
        <w:t xml:space="preserve"> @ file:///C:/b/abs_43venm28fu/croot/jupyterlab_1706802651134/work</w:t>
      </w:r>
    </w:p>
    <w:p w14:paraId="03549A84" w14:textId="77777777" w:rsidR="001D6612" w:rsidRDefault="001D6612" w:rsidP="001D6612">
      <w:proofErr w:type="spellStart"/>
      <w:r>
        <w:t>jupyterlab-pygments</w:t>
      </w:r>
      <w:proofErr w:type="spellEnd"/>
      <w:r>
        <w:t xml:space="preserve"> @ file:///tmp/build/80754af9/jupyterlab_pygments_1601490720602/work</w:t>
      </w:r>
    </w:p>
    <w:p w14:paraId="5FB86350" w14:textId="77777777" w:rsidR="001D6612" w:rsidRDefault="001D6612" w:rsidP="001D6612">
      <w:proofErr w:type="spellStart"/>
      <w:r>
        <w:t>jupyterlab_server</w:t>
      </w:r>
      <w:proofErr w:type="spellEnd"/>
      <w:r>
        <w:t xml:space="preserve"> @ file:///C:/b/abs_e08i7qn9m8/croot/jupyterlab_server_1699555481806/work</w:t>
      </w:r>
    </w:p>
    <w:p w14:paraId="3FC6D818" w14:textId="77777777" w:rsidR="001D6612" w:rsidRDefault="001D6612" w:rsidP="001D6612">
      <w:proofErr w:type="spellStart"/>
      <w:r>
        <w:t>MarkupSafe</w:t>
      </w:r>
      <w:proofErr w:type="spellEnd"/>
      <w:r>
        <w:t xml:space="preserve"> @ file:///C:/b/abs_ecfdqh67b_/croot/markupsafe_1704206030535/work</w:t>
      </w:r>
    </w:p>
    <w:p w14:paraId="4A5CEE01" w14:textId="77777777" w:rsidR="001D6612" w:rsidRDefault="001D6612" w:rsidP="001D6612">
      <w:r>
        <w:t>matplotlib-inline @ file:///C:/ci/matplotlib-inline_1661934094726/work</w:t>
      </w:r>
    </w:p>
    <w:p w14:paraId="6A237BAB" w14:textId="77777777" w:rsidR="001D6612" w:rsidRDefault="001D6612" w:rsidP="001D6612">
      <w:r>
        <w:t xml:space="preserve">mistune @ </w:t>
      </w:r>
      <w:proofErr w:type="gramStart"/>
      <w:r>
        <w:t>file:///C:/Users/BUILDE~1/AppData/Local/Temp/abs_081kimkskf/croots/recipe/mistune_1661496225923/work</w:t>
      </w:r>
      <w:proofErr w:type="gramEnd"/>
    </w:p>
    <w:p w14:paraId="6E4C511F" w14:textId="77777777" w:rsidR="001D6612" w:rsidRDefault="001D6612" w:rsidP="001D6612">
      <w:proofErr w:type="spellStart"/>
      <w:r>
        <w:t>mkl</w:t>
      </w:r>
      <w:proofErr w:type="spellEnd"/>
      <w:r>
        <w:t>-service==2.4.0</w:t>
      </w:r>
    </w:p>
    <w:p w14:paraId="00D0F1B9" w14:textId="77777777" w:rsidR="001D6612" w:rsidRDefault="001D6612" w:rsidP="001D6612">
      <w:proofErr w:type="spellStart"/>
      <w:r>
        <w:t>mkl_fft</w:t>
      </w:r>
      <w:proofErr w:type="spellEnd"/>
      <w:r>
        <w:t xml:space="preserve"> @ file:///C:/b/abs_f55mv94vyg/croot/mkl_fft_1725370278455/work</w:t>
      </w:r>
    </w:p>
    <w:p w14:paraId="6AD60991" w14:textId="77777777" w:rsidR="001D6612" w:rsidRDefault="001D6612" w:rsidP="001D6612">
      <w:proofErr w:type="spellStart"/>
      <w:r>
        <w:t>mkl_random</w:t>
      </w:r>
      <w:proofErr w:type="spellEnd"/>
      <w:r>
        <w:t xml:space="preserve"> @ file:///C:/b/abs_21ydbzdu8d/croot/mkl_random_1725370276095/work</w:t>
      </w:r>
    </w:p>
    <w:p w14:paraId="3039E4D5" w14:textId="77777777" w:rsidR="001D6612" w:rsidRDefault="001D6612" w:rsidP="001D6612">
      <w:proofErr w:type="spellStart"/>
      <w:r>
        <w:t>modin</w:t>
      </w:r>
      <w:proofErr w:type="spellEnd"/>
      <w:r>
        <w:t>==0.32.0</w:t>
      </w:r>
    </w:p>
    <w:p w14:paraId="380C86A3" w14:textId="77777777" w:rsidR="001D6612" w:rsidRDefault="001D6612" w:rsidP="001D6612">
      <w:proofErr w:type="spellStart"/>
      <w:r>
        <w:t>multidict</w:t>
      </w:r>
      <w:proofErr w:type="spellEnd"/>
      <w:r>
        <w:t xml:space="preserve"> @ file:///C:/b/abs_44ido987fv/croot/multidict_1701097803486/work</w:t>
      </w:r>
    </w:p>
    <w:p w14:paraId="5395EB16" w14:textId="77777777" w:rsidR="001D6612" w:rsidRDefault="001D6612" w:rsidP="001D6612">
      <w:proofErr w:type="spellStart"/>
      <w:r>
        <w:t>nbclient</w:t>
      </w:r>
      <w:proofErr w:type="spellEnd"/>
      <w:r>
        <w:t xml:space="preserve"> @ file:///C:/b/abs_cal0q5fyju/croot/nbclient_1698934263135/work</w:t>
      </w:r>
    </w:p>
    <w:p w14:paraId="39689CF5" w14:textId="77777777" w:rsidR="001D6612" w:rsidRDefault="001D6612" w:rsidP="001D6612">
      <w:proofErr w:type="spellStart"/>
      <w:r>
        <w:t>nbconvert</w:t>
      </w:r>
      <w:proofErr w:type="spellEnd"/>
      <w:r>
        <w:t xml:space="preserve"> @ file:///C:/b/abs_17p29f_rx4/croot/nbconvert_1699022793097/work</w:t>
      </w:r>
    </w:p>
    <w:p w14:paraId="7D5A4768" w14:textId="77777777" w:rsidR="001D6612" w:rsidRDefault="001D6612" w:rsidP="001D6612">
      <w:proofErr w:type="spellStart"/>
      <w:r>
        <w:t>nbformat</w:t>
      </w:r>
      <w:proofErr w:type="spellEnd"/>
      <w:r>
        <w:t xml:space="preserve"> @ file:///C:/b/abs_5a2nea1iu2/croot/nbformat_1694616866197/work</w:t>
      </w:r>
    </w:p>
    <w:p w14:paraId="0B7249E9" w14:textId="77777777" w:rsidR="001D6612" w:rsidRDefault="001D6612" w:rsidP="001D6612">
      <w:r>
        <w:t>nest-</w:t>
      </w:r>
      <w:proofErr w:type="spellStart"/>
      <w:r>
        <w:t>asyncio</w:t>
      </w:r>
      <w:proofErr w:type="spellEnd"/>
      <w:r>
        <w:t xml:space="preserve"> @ file:///C:/b/abs_65d6lblmoi/croot/nest-asyncio_1708532721305/work</w:t>
      </w:r>
    </w:p>
    <w:p w14:paraId="3A8A1D20" w14:textId="77777777" w:rsidR="001D6612" w:rsidRDefault="001D6612" w:rsidP="001D6612">
      <w:r>
        <w:t>notebook @ file:///C:/b/abs_09nvambyty/croot/notebook_1719499424678/work</w:t>
      </w:r>
    </w:p>
    <w:p w14:paraId="5F8C3847" w14:textId="77777777" w:rsidR="001D6612" w:rsidRDefault="001D6612" w:rsidP="001D6612">
      <w:proofErr w:type="spellStart"/>
      <w:r>
        <w:t>notebook_shim</w:t>
      </w:r>
      <w:proofErr w:type="spellEnd"/>
      <w:r>
        <w:t xml:space="preserve"> @ file:///C:/b/abs_a5xysln3lb/croot/notebook-shim_1699455926920/work</w:t>
      </w:r>
    </w:p>
    <w:p w14:paraId="2157EBF6" w14:textId="77777777" w:rsidR="001D6612" w:rsidRDefault="001D6612" w:rsidP="001D6612">
      <w:proofErr w:type="spellStart"/>
      <w:r>
        <w:t>numexpr</w:t>
      </w:r>
      <w:proofErr w:type="spellEnd"/>
      <w:r>
        <w:t xml:space="preserve"> @ file:///C:/b/abs_5fucrty5dc/croot/numexpr_1696515448831/work</w:t>
      </w:r>
    </w:p>
    <w:p w14:paraId="450412FC" w14:textId="77777777" w:rsidR="001D6612" w:rsidRDefault="001D6612" w:rsidP="001D6612">
      <w:proofErr w:type="spellStart"/>
      <w:r>
        <w:t>numpy</w:t>
      </w:r>
      <w:proofErr w:type="spellEnd"/>
      <w:r>
        <w:t xml:space="preserve"> @ file:///C:/b/abs_c1ywpu18ar/croot/numpy_and_numpy_base_1708638681471/work/dist/numpy-1.26.4-cp310-cp310-win_amd64.whl#sha256=ebb5aa2b36d8afa5ec3231c19e5a1fc75b6d85e7db483f0fb9e77dad58469977</w:t>
      </w:r>
    </w:p>
    <w:p w14:paraId="4859267D" w14:textId="77777777" w:rsidR="001D6612" w:rsidRDefault="001D6612" w:rsidP="001D6612">
      <w:r>
        <w:t># Editable install with no version control (</w:t>
      </w:r>
      <w:proofErr w:type="spellStart"/>
      <w:r>
        <w:t>NYC_Trip</w:t>
      </w:r>
      <w:proofErr w:type="spellEnd"/>
      <w:r>
        <w:t>==0.0.0)</w:t>
      </w:r>
    </w:p>
    <w:p w14:paraId="1F265431" w14:textId="77777777" w:rsidR="001D6612" w:rsidRDefault="001D6612" w:rsidP="001D6612">
      <w:r>
        <w:lastRenderedPageBreak/>
        <w:t xml:space="preserve">-e c:\users\s1296718\onedrive - </w:t>
      </w:r>
      <w:proofErr w:type="spellStart"/>
      <w:r>
        <w:t>syngenta</w:t>
      </w:r>
      <w:proofErr w:type="spellEnd"/>
      <w:r>
        <w:t>\desktop\feature store</w:t>
      </w:r>
    </w:p>
    <w:p w14:paraId="1C7899EB" w14:textId="77777777" w:rsidR="001D6612" w:rsidRDefault="001D6612" w:rsidP="001D6612">
      <w:r>
        <w:t>overrides @ file:///C:/b/abs_cfh89c8yf4/croot/overrides_1699371165349/work</w:t>
      </w:r>
    </w:p>
    <w:p w14:paraId="59B59619" w14:textId="77777777" w:rsidR="001D6612" w:rsidRDefault="001D6612" w:rsidP="001D6612">
      <w:r>
        <w:t>packaging @ file:///C:/b/abs_cc1h2xfosn/croot/packaging_1710807447479/work</w:t>
      </w:r>
    </w:p>
    <w:p w14:paraId="264C3319" w14:textId="77777777" w:rsidR="001D6612" w:rsidRDefault="001D6612" w:rsidP="001D6612">
      <w:r>
        <w:t>pandas @ file:///C:/b/abs_9aotnvvz16/croot/pandas_1718308978393/work/dist/pandas-2.2.2-cp310-cp310-win_amd64.whl#sha256=2770820b1c01b08888f232dfafd5c214ffee1494d66958a979d587d1ec549abe</w:t>
      </w:r>
    </w:p>
    <w:p w14:paraId="5450FCC7" w14:textId="77777777" w:rsidR="001D6612" w:rsidRDefault="001D6612" w:rsidP="001D6612">
      <w:proofErr w:type="spellStart"/>
      <w:r>
        <w:t>pandocfilters</w:t>
      </w:r>
      <w:proofErr w:type="spellEnd"/>
      <w:r>
        <w:t xml:space="preserve"> @ file:///opt/conda/conda-bld/pandocfilters_1643405455980/work</w:t>
      </w:r>
    </w:p>
    <w:p w14:paraId="41FE4F0F" w14:textId="77777777" w:rsidR="001D6612" w:rsidRDefault="001D6612" w:rsidP="001D6612">
      <w:proofErr w:type="spellStart"/>
      <w:r>
        <w:t>parso</w:t>
      </w:r>
      <w:proofErr w:type="spellEnd"/>
      <w:r>
        <w:t xml:space="preserve"> @ file:///opt/conda/conda-bld/parso_1641458642106/work</w:t>
      </w:r>
    </w:p>
    <w:p w14:paraId="542BDA73" w14:textId="77777777" w:rsidR="001D6612" w:rsidRDefault="001D6612" w:rsidP="001D6612">
      <w:proofErr w:type="spellStart"/>
      <w:r>
        <w:t>platformdirs</w:t>
      </w:r>
      <w:proofErr w:type="spellEnd"/>
      <w:r>
        <w:t xml:space="preserve"> @ file:///C:/b/abs_b6z_yqw_ii/croot/platformdirs_1692205479426/work</w:t>
      </w:r>
    </w:p>
    <w:p w14:paraId="31684C1D" w14:textId="77777777" w:rsidR="001D6612" w:rsidRDefault="001D6612" w:rsidP="001D6612">
      <w:proofErr w:type="spellStart"/>
      <w:r>
        <w:t>prometheus</w:t>
      </w:r>
      <w:proofErr w:type="spellEnd"/>
      <w:r>
        <w:t>-client @ file:///C:/Windows/TEMP/abs_ab9nx8qb08/croots/recipe/prometheus_client_1659455104602/work</w:t>
      </w:r>
    </w:p>
    <w:p w14:paraId="093CC250" w14:textId="77777777" w:rsidR="001D6612" w:rsidRDefault="001D6612" w:rsidP="001D6612">
      <w:r>
        <w:t xml:space="preserve">prompt-toolkit @ </w:t>
      </w:r>
      <w:proofErr w:type="gramStart"/>
      <w:r>
        <w:t>file:///C:/b/abs_68uwr58ed1/croot/prompt-toolkit_1704404394082/work</w:t>
      </w:r>
      <w:proofErr w:type="gramEnd"/>
    </w:p>
    <w:p w14:paraId="7AF73F5D" w14:textId="77777777" w:rsidR="001D6612" w:rsidRDefault="001D6612" w:rsidP="001D6612">
      <w:proofErr w:type="spellStart"/>
      <w:r>
        <w:t>psutil</w:t>
      </w:r>
      <w:proofErr w:type="spellEnd"/>
      <w:r>
        <w:t xml:space="preserve"> @ file:///C:/Windows/Temp/abs_b2c2fd7f-9fd5-4756-95ea-8aed74d0039flsd9qufz/croots/recipe/psutil_1656431277748/work</w:t>
      </w:r>
    </w:p>
    <w:p w14:paraId="7A46DDD9" w14:textId="77777777" w:rsidR="001D6612" w:rsidRDefault="001D6612" w:rsidP="001D6612">
      <w:r>
        <w:t>pure-eval @ file:///opt/conda/conda-bld/pure_eval_1646925070566/work</w:t>
      </w:r>
    </w:p>
    <w:p w14:paraId="0BB9D2D5" w14:textId="77777777" w:rsidR="001D6612" w:rsidRDefault="001D6612" w:rsidP="001D6612">
      <w:r>
        <w:t>py4j==0.10.9.7</w:t>
      </w:r>
    </w:p>
    <w:p w14:paraId="72D9F8BD" w14:textId="77777777" w:rsidR="001D6612" w:rsidRDefault="001D6612" w:rsidP="001D6612">
      <w:proofErr w:type="spellStart"/>
      <w:r>
        <w:t>pyarrow</w:t>
      </w:r>
      <w:proofErr w:type="spellEnd"/>
      <w:r>
        <w:t xml:space="preserve"> @ file:///C:/b/abs_cbc4sg_1e0/croot/pyarrow_1721664257308/work/python</w:t>
      </w:r>
    </w:p>
    <w:p w14:paraId="2F284FD1" w14:textId="77777777" w:rsidR="001D6612" w:rsidRDefault="001D6612" w:rsidP="001D6612">
      <w:proofErr w:type="spellStart"/>
      <w:r>
        <w:t>pycparser</w:t>
      </w:r>
      <w:proofErr w:type="spellEnd"/>
      <w:r>
        <w:t xml:space="preserve"> @ file:///tmp/build/80754af9/pycparser_1636541352034/work</w:t>
      </w:r>
    </w:p>
    <w:p w14:paraId="388AC0CB" w14:textId="77777777" w:rsidR="001D6612" w:rsidRDefault="001D6612" w:rsidP="001D6612">
      <w:proofErr w:type="spellStart"/>
      <w:r>
        <w:t>pydantic</w:t>
      </w:r>
      <w:proofErr w:type="spellEnd"/>
      <w:r>
        <w:t>==2.9.1</w:t>
      </w:r>
    </w:p>
    <w:p w14:paraId="3E130A9B" w14:textId="77777777" w:rsidR="001D6612" w:rsidRDefault="001D6612" w:rsidP="001D6612">
      <w:proofErr w:type="spellStart"/>
      <w:r>
        <w:t>pydantic_core</w:t>
      </w:r>
      <w:proofErr w:type="spellEnd"/>
      <w:r>
        <w:t>==2.23.3</w:t>
      </w:r>
    </w:p>
    <w:p w14:paraId="7B8AB47F" w14:textId="77777777" w:rsidR="001D6612" w:rsidRDefault="001D6612" w:rsidP="001D6612">
      <w:proofErr w:type="spellStart"/>
      <w:r>
        <w:t>Pygments</w:t>
      </w:r>
      <w:proofErr w:type="spellEnd"/>
      <w:r>
        <w:t xml:space="preserve"> @ file:///C:/b/abs_fay9dpq4n_/croot/pygments_1684279990574/work</w:t>
      </w:r>
    </w:p>
    <w:p w14:paraId="133B6453" w14:textId="77777777" w:rsidR="001D6612" w:rsidRDefault="001D6612" w:rsidP="001D6612">
      <w:proofErr w:type="spellStart"/>
      <w:r>
        <w:t>PyJWT</w:t>
      </w:r>
      <w:proofErr w:type="spellEnd"/>
      <w:r>
        <w:t xml:space="preserve"> @ file:///C:/b/abs_04qhgo75wz/croot/pyjwt_1715095119685/work</w:t>
      </w:r>
    </w:p>
    <w:p w14:paraId="6884851D" w14:textId="77777777" w:rsidR="001D6612" w:rsidRDefault="001D6612" w:rsidP="001D6612">
      <w:proofErr w:type="spellStart"/>
      <w:r>
        <w:t>pyOpenSSL</w:t>
      </w:r>
      <w:proofErr w:type="spellEnd"/>
      <w:r>
        <w:t xml:space="preserve"> @ file:///C:/b/abs_61vvbgrloc/croot/pyopenssl_1723651600236/work</w:t>
      </w:r>
    </w:p>
    <w:p w14:paraId="3EF395E2" w14:textId="77777777" w:rsidR="001D6612" w:rsidRDefault="001D6612" w:rsidP="001D6612">
      <w:proofErr w:type="spellStart"/>
      <w:r>
        <w:t>PySocks</w:t>
      </w:r>
      <w:proofErr w:type="spellEnd"/>
      <w:r>
        <w:t xml:space="preserve"> @ file:///C:/ci_310/pysocks_1642089375450/work</w:t>
      </w:r>
    </w:p>
    <w:p w14:paraId="21C9CB9B" w14:textId="77777777" w:rsidR="001D6612" w:rsidRDefault="001D6612" w:rsidP="001D6612">
      <w:proofErr w:type="spellStart"/>
      <w:r>
        <w:t>pyspark</w:t>
      </w:r>
      <w:proofErr w:type="spellEnd"/>
      <w:r>
        <w:t>==3.5.2</w:t>
      </w:r>
    </w:p>
    <w:p w14:paraId="5594BE3E" w14:textId="77777777" w:rsidR="001D6612" w:rsidRDefault="001D6612" w:rsidP="001D6612">
      <w:r>
        <w:t>python-</w:t>
      </w:r>
      <w:proofErr w:type="spellStart"/>
      <w:r>
        <w:t>dateutil</w:t>
      </w:r>
      <w:proofErr w:type="spellEnd"/>
      <w:r>
        <w:t xml:space="preserve"> @ file:///C:/b/abs_71555yka_s/croot/python-dateutil_1694418035968/work</w:t>
      </w:r>
    </w:p>
    <w:p w14:paraId="46532E8F" w14:textId="77777777" w:rsidR="001D6612" w:rsidRDefault="001D6612" w:rsidP="001D6612">
      <w:r>
        <w:t>python-</w:t>
      </w:r>
      <w:proofErr w:type="spellStart"/>
      <w:r>
        <w:t>json</w:t>
      </w:r>
      <w:proofErr w:type="spellEnd"/>
      <w:r>
        <w:t>-logger @ file:///C:/b/abs_cblnsm6puj/croot/python-json-logger_1683824130469/work</w:t>
      </w:r>
    </w:p>
    <w:p w14:paraId="002DFC38" w14:textId="77777777" w:rsidR="001D6612" w:rsidRDefault="001D6612" w:rsidP="001D6612">
      <w:proofErr w:type="spellStart"/>
      <w:r>
        <w:t>pytimeparse</w:t>
      </w:r>
      <w:proofErr w:type="spellEnd"/>
      <w:r>
        <w:t xml:space="preserve"> @ file:///C:/ci_310/pytimeparse_1642090102763/work</w:t>
      </w:r>
    </w:p>
    <w:p w14:paraId="7F31A2C4" w14:textId="77777777" w:rsidR="001D6612" w:rsidRDefault="001D6612" w:rsidP="001D6612">
      <w:proofErr w:type="spellStart"/>
      <w:r>
        <w:t>pytz</w:t>
      </w:r>
      <w:proofErr w:type="spellEnd"/>
      <w:r>
        <w:t xml:space="preserve"> @ file:///C:/b/abs_6ap4tsz1ox/croot/pytz_1713974360290/work</w:t>
      </w:r>
    </w:p>
    <w:p w14:paraId="2E3E42C6" w14:textId="77777777" w:rsidR="001D6612" w:rsidRDefault="001D6612" w:rsidP="001D6612">
      <w:r>
        <w:t>pywin32==305.1</w:t>
      </w:r>
    </w:p>
    <w:p w14:paraId="25947AAD" w14:textId="77777777" w:rsidR="001D6612" w:rsidRDefault="001D6612" w:rsidP="001D6612">
      <w:proofErr w:type="spellStart"/>
      <w:r>
        <w:lastRenderedPageBreak/>
        <w:t>pywinpty</w:t>
      </w:r>
      <w:proofErr w:type="spellEnd"/>
      <w:r>
        <w:t xml:space="preserve"> @ file:///C:/b/abs_73vshmevwq/croot/pywinpty_1677609966356/work/target/wheels/pywinpty-2.0.10-cp310-none-win_amd64.whl</w:t>
      </w:r>
    </w:p>
    <w:p w14:paraId="4C330308" w14:textId="77777777" w:rsidR="001D6612" w:rsidRDefault="001D6612" w:rsidP="001D6612">
      <w:proofErr w:type="spellStart"/>
      <w:r>
        <w:t>PyYAML</w:t>
      </w:r>
      <w:proofErr w:type="spellEnd"/>
      <w:r>
        <w:t xml:space="preserve"> @ file:///C:/b/abs_782o3mbw7z/croot/pyyaml_1698096085010/work</w:t>
      </w:r>
    </w:p>
    <w:p w14:paraId="5C082EFC" w14:textId="77777777" w:rsidR="001D6612" w:rsidRDefault="001D6612" w:rsidP="001D6612">
      <w:proofErr w:type="spellStart"/>
      <w:r>
        <w:t>pyzmq</w:t>
      </w:r>
      <w:proofErr w:type="spellEnd"/>
      <w:r>
        <w:t xml:space="preserve"> @ file:///C:/b/abs_89aq69t0up/croot/pyzmq_1705605705281/work</w:t>
      </w:r>
    </w:p>
    <w:p w14:paraId="40FF54A9" w14:textId="77777777" w:rsidR="001D6612" w:rsidRDefault="001D6612" w:rsidP="001D6612">
      <w:r>
        <w:t>referencing @ file:///C:/b/abs_09f4hj6adf/croot/referencing_1699012097448/work</w:t>
      </w:r>
    </w:p>
    <w:p w14:paraId="1E5FAC71" w14:textId="77777777" w:rsidR="001D6612" w:rsidRDefault="001D6612" w:rsidP="001D6612">
      <w:r>
        <w:t>requests @ file:///C:/b/abs_9frifg92q2/croot/requests_1721410901096/work</w:t>
      </w:r>
    </w:p>
    <w:p w14:paraId="576724BF" w14:textId="77777777" w:rsidR="001D6612" w:rsidRDefault="001D6612" w:rsidP="001D6612">
      <w:r>
        <w:t>retrying @ file:///Users/ktietz/demo/mc3/conda-bld/retrying_1629465456590/work</w:t>
      </w:r>
    </w:p>
    <w:p w14:paraId="2AF987FB" w14:textId="77777777" w:rsidR="001D6612" w:rsidRDefault="001D6612" w:rsidP="001D6612">
      <w:r>
        <w:t>rfc3339-validator @ file:///C:/b/abs_ddfmseb_vm/croot/rfc3339-validator_1683077054906/work</w:t>
      </w:r>
    </w:p>
    <w:p w14:paraId="41E284CC" w14:textId="77777777" w:rsidR="001D6612" w:rsidRDefault="001D6612" w:rsidP="001D6612">
      <w:r>
        <w:t>rfc3986-validator @ file:///C:/b/abs_6e9azihr8o/croot/rfc3986-validator_1683059049737/work</w:t>
      </w:r>
    </w:p>
    <w:p w14:paraId="2A0D4D11" w14:textId="77777777" w:rsidR="001D6612" w:rsidRDefault="001D6612" w:rsidP="001D6612">
      <w:proofErr w:type="spellStart"/>
      <w:r>
        <w:t>rpds-py</w:t>
      </w:r>
      <w:proofErr w:type="spellEnd"/>
      <w:r>
        <w:t xml:space="preserve"> @ file:///C:/b/abs_76j4g4la23/croot/rpds-py_1698947348047/work</w:t>
      </w:r>
    </w:p>
    <w:p w14:paraId="5B525F8A" w14:textId="77777777" w:rsidR="001D6612" w:rsidRDefault="001D6612" w:rsidP="001D6612">
      <w:r>
        <w:t>s3fs @ file:///C:/b/abs_24vbfcawyu/croot/s3fs_1701294224436/work</w:t>
      </w:r>
    </w:p>
    <w:p w14:paraId="02280D39" w14:textId="77777777" w:rsidR="001D6612" w:rsidRDefault="001D6612" w:rsidP="001D6612">
      <w:r>
        <w:t xml:space="preserve">scikit-learn @ </w:t>
      </w:r>
      <w:proofErr w:type="gramStart"/>
      <w:r>
        <w:t>file:///C:/b/abs_daon7wm2p4/croot/scikit-learn_1694788586973/work</w:t>
      </w:r>
      <w:proofErr w:type="gramEnd"/>
    </w:p>
    <w:p w14:paraId="55900040" w14:textId="77777777" w:rsidR="001D6612" w:rsidRDefault="001D6612" w:rsidP="001D6612">
      <w:proofErr w:type="spellStart"/>
      <w:r>
        <w:t>scipy</w:t>
      </w:r>
      <w:proofErr w:type="spellEnd"/>
      <w:r>
        <w:t xml:space="preserve"> @ file:///C:/b/abs_efv75hqhju/croot/scipy_1717521501389/work/dist/scipy-1.13.1-cp310-cp310-win_amd64.whl#sha256=6fc06f275521e1b56576a1599ebcc269f1863c08ddc9228c14a3e3841bf97db1</w:t>
      </w:r>
    </w:p>
    <w:p w14:paraId="1066681A" w14:textId="77777777" w:rsidR="001D6612" w:rsidRDefault="001D6612" w:rsidP="001D6612">
      <w:r>
        <w:t>Send2Trash @ file:///C:/b/abs_08dh49ew26/croot/send2trash_1699371173324/work</w:t>
      </w:r>
    </w:p>
    <w:p w14:paraId="43B4778D" w14:textId="77777777" w:rsidR="001D6612" w:rsidRDefault="001D6612" w:rsidP="001D6612">
      <w:r>
        <w:t>six @ file:///tmp/build/80754af9/six_1644875935023/work</w:t>
      </w:r>
    </w:p>
    <w:p w14:paraId="7D5B2859" w14:textId="77777777" w:rsidR="001D6612" w:rsidRDefault="001D6612" w:rsidP="001D6612">
      <w:proofErr w:type="spellStart"/>
      <w:r>
        <w:t>sniffio</w:t>
      </w:r>
      <w:proofErr w:type="spellEnd"/>
      <w:r>
        <w:t xml:space="preserve"> @ file:///C:/b/abs_3akdewudo_/croot/sniffio_1705431337396/work</w:t>
      </w:r>
    </w:p>
    <w:p w14:paraId="2D27CD27" w14:textId="77777777" w:rsidR="001D6612" w:rsidRDefault="001D6612" w:rsidP="001D6612">
      <w:r>
        <w:t>snowflake==0.12.1</w:t>
      </w:r>
    </w:p>
    <w:p w14:paraId="6AF61D85" w14:textId="77777777" w:rsidR="001D6612" w:rsidRDefault="001D6612" w:rsidP="001D6612">
      <w:r>
        <w:t>snowflake-connector-python @ file:///C:/b/abs_62fkwzpoc3/croot/snowflake-connector-python_1724259894028/work</w:t>
      </w:r>
    </w:p>
    <w:p w14:paraId="7ED754AC" w14:textId="77777777" w:rsidR="001D6612" w:rsidRDefault="001D6612" w:rsidP="001D6612">
      <w:r>
        <w:t>snowflake-ml-python @ file:///C:/b/abs_c9dydgs930/croot/snowflake-ml-python_1717081669907/work/bazel-bin/dist/snowflake_ml_python-1.5.1-py3-none-any.whl#sha256=dcadc7853517fd0cc90b8ba664d7b44149d2203180dabb53ae823f457a4974e6</w:t>
      </w:r>
    </w:p>
    <w:p w14:paraId="25D85747" w14:textId="77777777" w:rsidR="001D6612" w:rsidRDefault="001D6612" w:rsidP="001D6612">
      <w:r>
        <w:t>snowflake-</w:t>
      </w:r>
      <w:proofErr w:type="spellStart"/>
      <w:r>
        <w:t>snowpark</w:t>
      </w:r>
      <w:proofErr w:type="spellEnd"/>
      <w:r>
        <w:t>-python @ file:///C:/b/abs_b8x8h_pjns/croot/snowflake-snowpark-python_1715358189226/work</w:t>
      </w:r>
    </w:p>
    <w:p w14:paraId="7798FDF4" w14:textId="77777777" w:rsidR="001D6612" w:rsidRDefault="001D6612" w:rsidP="001D6612">
      <w:proofErr w:type="spellStart"/>
      <w:proofErr w:type="gramStart"/>
      <w:r>
        <w:t>snowflake._</w:t>
      </w:r>
      <w:proofErr w:type="gramEnd"/>
      <w:r>
        <w:t>legacy</w:t>
      </w:r>
      <w:proofErr w:type="spellEnd"/>
      <w:r>
        <w:t>==0.12.1</w:t>
      </w:r>
    </w:p>
    <w:p w14:paraId="43537E90" w14:textId="77777777" w:rsidR="001D6612" w:rsidRDefault="001D6612" w:rsidP="001D6612">
      <w:proofErr w:type="spellStart"/>
      <w:proofErr w:type="gramStart"/>
      <w:r>
        <w:t>snowflake.core</w:t>
      </w:r>
      <w:proofErr w:type="spellEnd"/>
      <w:proofErr w:type="gramEnd"/>
      <w:r>
        <w:t>==0.12.1</w:t>
      </w:r>
    </w:p>
    <w:p w14:paraId="752B3D24" w14:textId="77777777" w:rsidR="001D6612" w:rsidRDefault="001D6612" w:rsidP="001D6612">
      <w:proofErr w:type="spellStart"/>
      <w:r>
        <w:t>sortedcontainers</w:t>
      </w:r>
      <w:proofErr w:type="spellEnd"/>
      <w:r>
        <w:t xml:space="preserve"> @ file:///tmp/build/80754af9/sortedcontainers_1623949099177/work</w:t>
      </w:r>
    </w:p>
    <w:p w14:paraId="16D57E53" w14:textId="77777777" w:rsidR="001D6612" w:rsidRDefault="001D6612" w:rsidP="001D6612">
      <w:proofErr w:type="spellStart"/>
      <w:r>
        <w:t>soupsieve</w:t>
      </w:r>
      <w:proofErr w:type="spellEnd"/>
      <w:r>
        <w:t xml:space="preserve"> @ file:///C:/b/abs_bbsvy9t4pl/croot/soupsieve_1696347611357/work</w:t>
      </w:r>
    </w:p>
    <w:p w14:paraId="175BED87" w14:textId="77777777" w:rsidR="001D6612" w:rsidRDefault="001D6612" w:rsidP="001D6612">
      <w:proofErr w:type="spellStart"/>
      <w:r>
        <w:t>sqlparse</w:t>
      </w:r>
      <w:proofErr w:type="spellEnd"/>
      <w:r>
        <w:t xml:space="preserve"> @ file:///C:/b/abs_88361ub_qu/croot/sqlparse_1690904577514/work</w:t>
      </w:r>
    </w:p>
    <w:p w14:paraId="3CB41070" w14:textId="77777777" w:rsidR="001D6612" w:rsidRDefault="001D6612" w:rsidP="001D6612">
      <w:r>
        <w:lastRenderedPageBreak/>
        <w:t xml:space="preserve">stack-data @ </w:t>
      </w:r>
      <w:proofErr w:type="gramStart"/>
      <w:r>
        <w:t>file:///opt/conda/conda-bld/stack_data_1646927590127/work</w:t>
      </w:r>
      <w:proofErr w:type="gramEnd"/>
    </w:p>
    <w:p w14:paraId="62E75B99" w14:textId="77777777" w:rsidR="001D6612" w:rsidRDefault="001D6612" w:rsidP="001D6612">
      <w:r>
        <w:t xml:space="preserve">tabulate @ </w:t>
      </w:r>
      <w:proofErr w:type="gramStart"/>
      <w:r>
        <w:t>file:///C:/b/abs_21rf8iibnh/croot/tabulate_1701354830521/work</w:t>
      </w:r>
      <w:proofErr w:type="gramEnd"/>
    </w:p>
    <w:p w14:paraId="60B1DE49" w14:textId="77777777" w:rsidR="001D6612" w:rsidRDefault="001D6612" w:rsidP="001D6612">
      <w:proofErr w:type="spellStart"/>
      <w:r>
        <w:t>terminado</w:t>
      </w:r>
      <w:proofErr w:type="spellEnd"/>
      <w:r>
        <w:t xml:space="preserve"> @ file:///C:/b/abs_25nakickad/croot/terminado_1671751845491/work</w:t>
      </w:r>
    </w:p>
    <w:p w14:paraId="22A99154" w14:textId="77777777" w:rsidR="001D6612" w:rsidRDefault="001D6612" w:rsidP="001D6612">
      <w:proofErr w:type="spellStart"/>
      <w:r>
        <w:t>threadpoolctl</w:t>
      </w:r>
      <w:proofErr w:type="spellEnd"/>
      <w:r>
        <w:t xml:space="preserve"> @ file:///C:/b/abs_def0dwqlft/croot/threadpoolctl_1719407816649/work</w:t>
      </w:r>
    </w:p>
    <w:p w14:paraId="5E391230" w14:textId="77777777" w:rsidR="001D6612" w:rsidRDefault="001D6612" w:rsidP="001D6612">
      <w:r>
        <w:t>tinycss2 @ file:///C:/b/abs_52w5vfuaax/croot/tinycss2_1668168823131/work</w:t>
      </w:r>
    </w:p>
    <w:p w14:paraId="4E7BB100" w14:textId="77777777" w:rsidR="001D6612" w:rsidRDefault="001D6612" w:rsidP="001D6612">
      <w:proofErr w:type="spellStart"/>
      <w:r>
        <w:t>tomli</w:t>
      </w:r>
      <w:proofErr w:type="spellEnd"/>
      <w:r>
        <w:t xml:space="preserve"> @ file:///C:/Windows/TEMP/abs_ac109f85-a7b3-4b4d-bcfd-52622eceddf0hy332ojo/croots/recipe/tomli_1657175513137/work</w:t>
      </w:r>
    </w:p>
    <w:p w14:paraId="7A42269C" w14:textId="77777777" w:rsidR="001D6612" w:rsidRDefault="001D6612" w:rsidP="001D6612">
      <w:proofErr w:type="spellStart"/>
      <w:r>
        <w:t>tomlkit</w:t>
      </w:r>
      <w:proofErr w:type="spellEnd"/>
      <w:r>
        <w:t xml:space="preserve"> @ file:///C:/Windows/TEMP/abs_3296qo9v6b/croots/recipe/tomlkit_1658946894808/work</w:t>
      </w:r>
    </w:p>
    <w:p w14:paraId="56D0382A" w14:textId="77777777" w:rsidR="001D6612" w:rsidRDefault="001D6612" w:rsidP="001D6612">
      <w:r>
        <w:t>tornado @ file:///C:/b/abs_7bua0304mj/croot/tornado_1718740122405/work</w:t>
      </w:r>
    </w:p>
    <w:p w14:paraId="0D078917" w14:textId="77777777" w:rsidR="001D6612" w:rsidRDefault="001D6612" w:rsidP="001D6612">
      <w:proofErr w:type="spellStart"/>
      <w:r>
        <w:t>traitlets</w:t>
      </w:r>
      <w:proofErr w:type="spellEnd"/>
      <w:r>
        <w:t xml:space="preserve"> @ file:///C:/b/abs_bfsnoxl4pq/croot/traitlets_1718227069245/work</w:t>
      </w:r>
    </w:p>
    <w:p w14:paraId="7522E50F" w14:textId="77777777" w:rsidR="001D6612" w:rsidRDefault="001D6612" w:rsidP="001D6612">
      <w:r>
        <w:t>types-python-</w:t>
      </w:r>
      <w:proofErr w:type="spellStart"/>
      <w:r>
        <w:t>dateutil</w:t>
      </w:r>
      <w:proofErr w:type="spellEnd"/>
      <w:r>
        <w:t>==2.9.0.20240906</w:t>
      </w:r>
    </w:p>
    <w:p w14:paraId="56BA6902" w14:textId="77777777" w:rsidR="001D6612" w:rsidRDefault="001D6612" w:rsidP="001D6612">
      <w:proofErr w:type="spellStart"/>
      <w:r>
        <w:t>typing_extensions</w:t>
      </w:r>
      <w:proofErr w:type="spellEnd"/>
      <w:r>
        <w:t xml:space="preserve"> @ file:///C:/b/abs_0as9mdbkfl/croot/typing_extensions_1715268906610/work</w:t>
      </w:r>
    </w:p>
    <w:p w14:paraId="485B559B" w14:textId="77777777" w:rsidR="001D6612" w:rsidRDefault="001D6612" w:rsidP="001D6612">
      <w:proofErr w:type="spellStart"/>
      <w:r>
        <w:t>tzdata</w:t>
      </w:r>
      <w:proofErr w:type="spellEnd"/>
      <w:r>
        <w:t xml:space="preserve"> @ file:///croot/python-tzdata_1690578112552/work</w:t>
      </w:r>
    </w:p>
    <w:p w14:paraId="72EFFA04" w14:textId="77777777" w:rsidR="001D6612" w:rsidRDefault="001D6612" w:rsidP="001D6612">
      <w:proofErr w:type="spellStart"/>
      <w:r>
        <w:t>uri</w:t>
      </w:r>
      <w:proofErr w:type="spellEnd"/>
      <w:r>
        <w:t>-template==1.3.0</w:t>
      </w:r>
    </w:p>
    <w:p w14:paraId="7B575C11" w14:textId="77777777" w:rsidR="001D6612" w:rsidRDefault="001D6612" w:rsidP="001D6612">
      <w:r>
        <w:t>urllib3 @ file:///C:/b/abs_0c3739ssy1/croot/urllib3_1707349314852/work</w:t>
      </w:r>
    </w:p>
    <w:p w14:paraId="6173F8AD" w14:textId="77777777" w:rsidR="001D6612" w:rsidRDefault="001D6612" w:rsidP="001D6612">
      <w:proofErr w:type="spellStart"/>
      <w:r>
        <w:t>wcwidth</w:t>
      </w:r>
      <w:proofErr w:type="spellEnd"/>
      <w:r>
        <w:t xml:space="preserve"> @ file:///Users/ktietz/demo/mc3/conda-bld/wcwidth_1629357192024/work</w:t>
      </w:r>
    </w:p>
    <w:p w14:paraId="3917F278" w14:textId="77777777" w:rsidR="001D6612" w:rsidRDefault="001D6612" w:rsidP="001D6612">
      <w:proofErr w:type="spellStart"/>
      <w:r>
        <w:t>webcolors</w:t>
      </w:r>
      <w:proofErr w:type="spellEnd"/>
      <w:r>
        <w:t>==24.8.0</w:t>
      </w:r>
    </w:p>
    <w:p w14:paraId="66BDB577" w14:textId="77777777" w:rsidR="001D6612" w:rsidRDefault="001D6612" w:rsidP="001D6612">
      <w:proofErr w:type="spellStart"/>
      <w:r>
        <w:t>webencodings</w:t>
      </w:r>
      <w:proofErr w:type="spellEnd"/>
      <w:r>
        <w:t>==0.5.1</w:t>
      </w:r>
    </w:p>
    <w:p w14:paraId="16E78833" w14:textId="77777777" w:rsidR="001D6612" w:rsidRDefault="001D6612" w:rsidP="001D6612">
      <w:proofErr w:type="spellStart"/>
      <w:r>
        <w:t>websocket</w:t>
      </w:r>
      <w:proofErr w:type="spellEnd"/>
      <w:r>
        <w:t>-client @ file:///C:/b/abs_5dmnxxoci9/croot/websocket-client_1715878351319/work</w:t>
      </w:r>
    </w:p>
    <w:p w14:paraId="4B60CA91" w14:textId="77777777" w:rsidR="001D6612" w:rsidRDefault="001D6612" w:rsidP="001D6612">
      <w:r>
        <w:t>win-</w:t>
      </w:r>
      <w:proofErr w:type="spellStart"/>
      <w:r>
        <w:t>inet</w:t>
      </w:r>
      <w:proofErr w:type="spellEnd"/>
      <w:r>
        <w:t>-</w:t>
      </w:r>
      <w:proofErr w:type="spellStart"/>
      <w:r>
        <w:t>pton</w:t>
      </w:r>
      <w:proofErr w:type="spellEnd"/>
      <w:r>
        <w:t xml:space="preserve"> @ </w:t>
      </w:r>
      <w:proofErr w:type="gramStart"/>
      <w:r>
        <w:t>file:///C:/ci_310/win_inet_pton_1642658466512/work</w:t>
      </w:r>
      <w:proofErr w:type="gramEnd"/>
    </w:p>
    <w:p w14:paraId="5B4805CD" w14:textId="77777777" w:rsidR="001D6612" w:rsidRDefault="001D6612" w:rsidP="001D6612">
      <w:proofErr w:type="spellStart"/>
      <w:r>
        <w:t>wrapt</w:t>
      </w:r>
      <w:proofErr w:type="spellEnd"/>
      <w:r>
        <w:t xml:space="preserve"> @ file:///C:/Windows/Temp/abs_7c3dd407-1390-477a-b542-fd15df6a24085_diwiza/croots/recipe/wrapt_1657814452175/work</w:t>
      </w:r>
    </w:p>
    <w:p w14:paraId="75135D3D" w14:textId="77777777" w:rsidR="001D6612" w:rsidRDefault="001D6612" w:rsidP="001D6612">
      <w:proofErr w:type="spellStart"/>
      <w:r>
        <w:t>xgboost</w:t>
      </w:r>
      <w:proofErr w:type="spellEnd"/>
      <w:r>
        <w:t xml:space="preserve"> @ file:///C:/b/abs_7diruzi3as/croot/xgboost-split_1712794727514/work/python-package</w:t>
      </w:r>
    </w:p>
    <w:p w14:paraId="3942E1F4" w14:textId="02ECF037" w:rsidR="00B17BFC" w:rsidRDefault="001D6612" w:rsidP="001D6612">
      <w:proofErr w:type="spellStart"/>
      <w:r>
        <w:t>yarl</w:t>
      </w:r>
      <w:proofErr w:type="spellEnd"/>
      <w:r>
        <w:t xml:space="preserve"> @ file:///C:/b/abs_8bxwdyhjvp/croot/yarl_1701105248152/work</w:t>
      </w:r>
    </w:p>
    <w:sectPr w:rsidR="00B17BFC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D6612"/>
    <w:rsid w:val="001D6612"/>
    <w:rsid w:val="005E3736"/>
    <w:rsid w:val="00947AF8"/>
    <w:rsid w:val="00B17BFC"/>
    <w:rsid w:val="00EF798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315D1E6"/>
  <w15:chartTrackingRefBased/>
  <w15:docId w15:val="{84C723ED-267F-4F3E-82A7-B34A3EB5E55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en-US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6</Pages>
  <Words>1669</Words>
  <Characters>9514</Characters>
  <Application>Microsoft Office Word</Application>
  <DocSecurity>0</DocSecurity>
  <Lines>79</Lines>
  <Paragraphs>22</Paragraphs>
  <ScaleCrop>false</ScaleCrop>
  <Company/>
  <LinksUpToDate>false</LinksUpToDate>
  <CharactersWithSpaces>111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elli Malleswari USRS</dc:creator>
  <cp:keywords/>
  <dc:description/>
  <cp:lastModifiedBy>Gelli Malleswari USRS</cp:lastModifiedBy>
  <cp:revision>1</cp:revision>
  <dcterms:created xsi:type="dcterms:W3CDTF">2024-10-09T18:16:00Z</dcterms:created>
  <dcterms:modified xsi:type="dcterms:W3CDTF">2024-10-09T18:17:00Z</dcterms:modified>
</cp:coreProperties>
</file>